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hen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C18BE98-8382-7BE9-0BAE-59708A35845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9221" y="4972281"/>
            <a:ext cx="2452035" cy="169680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636892D-5931-CE48-13DD-73DE0FD0132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8022" y="4215593"/>
            <a:ext cx="1667137" cy="115365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3</cp:revision>
  <dcterms:created xsi:type="dcterms:W3CDTF">2019-07-30T10:24:44Z</dcterms:created>
  <dcterms:modified xsi:type="dcterms:W3CDTF">2024-03-07T08:22:28Z</dcterms:modified>
</cp:coreProperties>
</file>